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AA438E75-9BA8-4FD2-80F7-9C015EE06366}" xr6:coauthVersionLast="36" xr6:coauthVersionMax="47" xr10:uidLastSave="{00000000-0000-0000-0000-000000000000}"/>
  <bookViews>
    <workbookView xWindow="2160" yWindow="2160" windowWidth="23670" windowHeight="12750" xr2:uid="{00000000-000D-0000-FFFF-FFFF00000000}"/>
  </bookViews>
  <sheets>
    <sheet name="CustomerTable2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7" uniqueCount="15">
  <si>
    <t xml:space="preserve">優良            </t>
  </si>
  <si>
    <t xml:space="preserve">普通            </t>
  </si>
  <si>
    <t xml:space="preserve">要注意          </t>
  </si>
  <si>
    <t xml:space="preserve">出入り禁止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17338280-4285-477A-84F2-BF6675786F11}" name="テーブル1" displayName="テーブル1" ref="A1:F5" totalsRowShown="0">
  <autoFilter ref="A1:F5" xr:uid="{D956E9F3-D0A8-4065-BB7A-73E26E964C68}"/>
  <tableColumns count="6">
    <tableColumn id="1" xr3:uid="{2EF0C8B3-6104-4DF0-8E70-C8056D2D8783}" name="ID"/>
    <tableColumn id="2" xr3:uid="{47C153A1-BCD1-442F-810D-BC6D632C61BC}" name="TERMINATOR"/>
    <tableColumn id="3" xr3:uid="{EBF303F1-A3B3-4CAD-B51F-E836ACA0BF72}" name="MAX_LENGTH"/>
    <tableColumn id="4" xr3:uid="{BEBE7CA1-D4DE-45C2-AAE8-37B0BA5CECC2}" name="COLLATION"/>
    <tableColumn id="5" xr3:uid="{0E4120A3-8893-4156-B455-9A00D4A4A827}" name="SOURCE"/>
    <tableColumn id="6" xr3:uid="{0E7DC634-18F3-4430-A9B8-FB6E2DF391B1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5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4</v>
      </c>
      <c r="B1" s="2" t="s">
        <v>5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6</v>
      </c>
      <c r="B1" t="s">
        <v>7</v>
      </c>
      <c r="C1" t="s">
        <v>8</v>
      </c>
      <c r="D1" t="s">
        <v>9</v>
      </c>
      <c r="E1" t="s">
        <v>10</v>
      </c>
      <c r="F1" t="s">
        <v>11</v>
      </c>
    </row>
    <row r="2" spans="1:6" x14ac:dyDescent="0.4">
      <c r="A2">
        <v>1</v>
      </c>
      <c r="B2" s="3" t="s">
        <v>12</v>
      </c>
      <c r="C2">
        <v>12</v>
      </c>
      <c r="D2" s="3"/>
      <c r="F2" s="3"/>
    </row>
    <row r="3" spans="1:6" x14ac:dyDescent="0.4">
      <c r="A3">
        <v>2</v>
      </c>
      <c r="B3" s="3" t="s">
        <v>13</v>
      </c>
      <c r="C3">
        <v>16</v>
      </c>
      <c r="D3" s="3" t="s">
        <v>14</v>
      </c>
      <c r="F3" s="3"/>
    </row>
    <row r="4" spans="1:6" x14ac:dyDescent="0.4">
      <c r="B4" s="3"/>
      <c r="D4" s="3"/>
      <c r="E4">
        <v>1</v>
      </c>
      <c r="F4" s="3" t="s">
        <v>4</v>
      </c>
    </row>
    <row r="5" spans="1:6" x14ac:dyDescent="0.4">
      <c r="B5" s="3"/>
      <c r="D5" s="3"/>
      <c r="E5">
        <v>2</v>
      </c>
      <c r="F5" s="3" t="s">
        <v>5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Table2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30:48Z</dcterms:created>
  <dcterms:modified xsi:type="dcterms:W3CDTF">2024-02-26T04:37:38Z</dcterms:modified>
</cp:coreProperties>
</file>